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6" autoAdjust="0"/>
    <p:restoredTop sz="94660"/>
  </p:normalViewPr>
  <p:slideViewPr>
    <p:cSldViewPr snapToGrid="0">
      <p:cViewPr varScale="1">
        <p:scale>
          <a:sx n="96" d="100"/>
          <a:sy n="96" d="100"/>
        </p:scale>
        <p:origin x="80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F453D85-5F17-461C-B722-390B81A06D5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0A876CDA-28C9-43D2-8D46-801A9178C0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0F85072-F90A-47A3-866F-D3EA6D14EA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D66EAD6-A67C-422F-958C-702A6D293D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CD1E649-E52E-4541-9218-65361DF1C8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29318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D4A2049-AF2F-452F-AD3A-DDF65E9244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7A16E974-C931-4E75-9B2A-DDC8EA8123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ECC2402-DBAB-41B1-A6DD-F39E1E8FA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5208193-03BD-42CA-9B58-CE36F891AA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1469C3C3-907E-477F-84DD-7D753365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643114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1384DB53-AC88-4AAB-9559-9F79CF85D41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3FAFE995-2E73-4B25-9F0B-04D6A814E69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056D436-EE8D-4BA4-A6F1-D4A5B924A5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8CFC63C-60B6-479D-9F31-9497CFD831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7429192-DBA8-43E8-8C25-E72F59C73B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851599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6C39B05-4556-4646-AE23-877FB5D448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BF5DD066-CFEE-4B9C-AD4E-1809023EC39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1FAB548-97EB-4EBD-8885-BA294D60D5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5C4316F-66EF-41BA-9353-3152A8ABF4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9D59C7B-99BA-4657-90CE-6CC3141AB0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665420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D003A59-78B6-49C5-9563-EFF2C38B38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787CDF2-AA6F-43CD-8DBA-4D3E7888EC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87A0897-4333-491E-AF22-76713993BC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341CC0D-F0C7-4FF9-BA3D-FCC418674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0A161A6-4EA2-4F61-8D73-01BD8351F0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663539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5702D7C-990B-40C4-8836-E460A27A30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F3C4093-2D74-4B39-9E5B-F10BF32994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14A77DF-6457-4A9B-B46D-BE323976051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CE567266-1FCB-40B6-8A3A-4F91AE4921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5B9E89F9-0B74-47AF-BB36-5488703B37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F587B481-F707-471A-8AC4-6547DC667C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756616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15C7DB2-B3BF-4D6C-85D8-47D8E1A943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C8FFAAD9-B2C4-4EC4-B709-1D1D9F895F5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AB4E2949-44F9-4FD6-BDB9-FE93FA72145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8EB01B4B-DB7E-45A5-9D7C-C218506A79E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45D5B42C-E584-4856-A7D4-08FBC33E2FB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F84816F2-0E2F-4FDA-9BD6-CE7BB91E19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BA204DC2-6229-4049-AC87-97EE93F81B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7D75721-73AA-4E6E-B35F-30ACD6961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310705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A70783E-0D00-442A-BE78-BED1AA5FE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16D58820-EF64-4459-8720-E64EBA6157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F0A6F2F-D0DA-410A-BC99-30BE94A9CC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EB1534DC-9FBD-4448-A4EA-C8CF3D063B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679194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23BA0E75-3C53-4CC8-B50C-7B75A8EB6C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1B64A2A-67B8-4B11-8BDB-5C886297C2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0F598D61-368B-48E7-8905-60096AA99D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3353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109D31D-71A4-40E7-B1E2-2FFB140D0E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C6625AA-CA1E-432A-9933-A6E5621D90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1BD2402C-4FC1-486F-A75A-582B4777FF2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E9032F7-C996-451C-8C93-E4F6E36F8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31665B5D-C5A3-4629-ABB4-166F3F577F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8C69841B-8332-4C9F-AD9C-9ED8B7A80E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189666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F5B7C9A-271D-4E39-9E1F-E12B0B252D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7FF6C783-AB6C-45D7-A162-596F9A707B0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FC3CB04C-6C9A-4035-9E2B-5F3FF8910B9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365AA2D-540B-4199-AB96-605FAC46D1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905FBA0-A3E4-4CA4-B24A-3D1F6BB7A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397B1A47-9F89-4EB3-A3A8-09728ECE4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982488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E2EEF04C-500E-4DD1-AE87-703BF6551D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0D7D3842-A8D3-4648-8E46-FAD0CB52B26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FACAE9D-D5EE-42D5-87E4-36F4F26E64C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AF6915-C2F1-45E0-A598-AB1C36E2EA4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45D7F67-D7E0-4538-ABA5-9A903F88EE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DC4B444-B1A7-4F11-806A-081CC96F6D2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156019B-B34E-4952-841C-9165DCF1EE8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877825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161E313-96F6-4776-966B-B1DF39B382B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F4638650-BA9C-49F5-A56D-69909E43699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95" name="OTLSHAPE_T_270111e7bd784dae97b1bff4f28c8643_LeftVerticalConnector1">
            <a:extLst>
              <a:ext uri="{FF2B5EF4-FFF2-40B4-BE49-F238E27FC236}">
                <a16:creationId xmlns:a16="http://schemas.microsoft.com/office/drawing/2014/main" id="{5B746C03-BC03-4963-AC5D-06F05C6C623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199700" y="1761744"/>
            <a:ext cx="0" cy="943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270111e7bd784dae97b1bff4f28c8643_LeftVerticalConnector2">
            <a:extLst>
              <a:ext uri="{FF2B5EF4-FFF2-40B4-BE49-F238E27FC236}">
                <a16:creationId xmlns:a16="http://schemas.microsoft.com/office/drawing/2014/main" id="{1DDA653A-39B9-4C5F-9370-97696764FFB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199700" y="2135463"/>
            <a:ext cx="0" cy="9431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_270111e7bd784dae97b1bff4f28c8643_LeftVerticalConnector3">
            <a:extLst>
              <a:ext uri="{FF2B5EF4-FFF2-40B4-BE49-F238E27FC236}">
                <a16:creationId xmlns:a16="http://schemas.microsoft.com/office/drawing/2014/main" id="{22F0C4EB-A6DE-4AEE-B4C7-D6EDCD44619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99700" y="2509181"/>
            <a:ext cx="0" cy="83455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_270111e7bd784dae97b1bff4f28c8643_LeftVerticalConnector4">
            <a:extLst>
              <a:ext uri="{FF2B5EF4-FFF2-40B4-BE49-F238E27FC236}">
                <a16:creationId xmlns:a16="http://schemas.microsoft.com/office/drawing/2014/main" id="{8ADA24F8-0D79-4AFD-84C3-3187AB43BFC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199700" y="3514260"/>
            <a:ext cx="0" cy="16292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_270111e7bd784dae97b1bff4f28c8643_RightVerticalConnector1">
            <a:extLst>
              <a:ext uri="{FF2B5EF4-FFF2-40B4-BE49-F238E27FC236}">
                <a16:creationId xmlns:a16="http://schemas.microsoft.com/office/drawing/2014/main" id="{59D4BDEE-1CC9-468A-B894-C9A5550C7DA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385414" y="1761744"/>
            <a:ext cx="0" cy="158199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270111e7bd784dae97b1bff4f28c8643_RightVerticalConnector2">
            <a:extLst>
              <a:ext uri="{FF2B5EF4-FFF2-40B4-BE49-F238E27FC236}">
                <a16:creationId xmlns:a16="http://schemas.microsoft.com/office/drawing/2014/main" id="{66C6DD77-74B0-4618-A4F4-310D6DBE90B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385414" y="3514260"/>
            <a:ext cx="0" cy="17238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270111e7bd784dae97b1bff4f28c8643_RightVerticalConnector3">
            <a:extLst>
              <a:ext uri="{FF2B5EF4-FFF2-40B4-BE49-F238E27FC236}">
                <a16:creationId xmlns:a16="http://schemas.microsoft.com/office/drawing/2014/main" id="{EA8E2771-D5B1-4119-B9AE-9F5E3BCC7BD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385414" y="3857160"/>
            <a:ext cx="0" cy="12863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fdcb93a9085644deaa5b9ba609281c74_LeftVerticalConnector1" hidden="1">
            <a:extLst>
              <a:ext uri="{FF2B5EF4-FFF2-40B4-BE49-F238E27FC236}">
                <a16:creationId xmlns:a16="http://schemas.microsoft.com/office/drawing/2014/main" id="{52E2FD07-34FF-4A72-AA14-87174C362C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99700" y="21354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fdcb93a9085644deaa5b9ba609281c74_LeftVerticalConnector2" hidden="1">
            <a:extLst>
              <a:ext uri="{FF2B5EF4-FFF2-40B4-BE49-F238E27FC236}">
                <a16:creationId xmlns:a16="http://schemas.microsoft.com/office/drawing/2014/main" id="{377926AF-C5E2-46F0-91BD-7A78D6E0603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199700" y="2509181"/>
            <a:ext cx="0" cy="8345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fdcb93a9085644deaa5b9ba609281c74_LeftVerticalConnector3" hidden="1">
            <a:extLst>
              <a:ext uri="{FF2B5EF4-FFF2-40B4-BE49-F238E27FC236}">
                <a16:creationId xmlns:a16="http://schemas.microsoft.com/office/drawing/2014/main" id="{043E31F1-8CE4-4597-A519-42AEA35F8DE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199700" y="3514260"/>
            <a:ext cx="0" cy="16292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fdcb93a9085644deaa5b9ba609281c74_RightVerticalConnector1" hidden="1">
            <a:extLst>
              <a:ext uri="{FF2B5EF4-FFF2-40B4-BE49-F238E27FC236}">
                <a16:creationId xmlns:a16="http://schemas.microsoft.com/office/drawing/2014/main" id="{B1225D5A-43F5-4136-9722-3B2EBA79DFE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85414" y="21354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fdcb93a9085644deaa5b9ba609281c74_RightVerticalConnector2" hidden="1">
            <a:extLst>
              <a:ext uri="{FF2B5EF4-FFF2-40B4-BE49-F238E27FC236}">
                <a16:creationId xmlns:a16="http://schemas.microsoft.com/office/drawing/2014/main" id="{E1703661-D0E9-4233-ABF4-F174AAA3D16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385414" y="2509181"/>
            <a:ext cx="0" cy="8345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fdcb93a9085644deaa5b9ba609281c74_RightVerticalConnector3" hidden="1">
            <a:extLst>
              <a:ext uri="{FF2B5EF4-FFF2-40B4-BE49-F238E27FC236}">
                <a16:creationId xmlns:a16="http://schemas.microsoft.com/office/drawing/2014/main" id="{F5450F59-1E3F-4C36-B223-1B16C806725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385414" y="35142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fdcb93a9085644deaa5b9ba609281c74_RightVerticalConnector4" hidden="1">
            <a:extLst>
              <a:ext uri="{FF2B5EF4-FFF2-40B4-BE49-F238E27FC236}">
                <a16:creationId xmlns:a16="http://schemas.microsoft.com/office/drawing/2014/main" id="{AF402213-2299-47EA-88E7-8D11EB14DEC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385414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4d6dfbf20f9b4a77bafa2e120240a4a9_LeftVerticalConnector1" hidden="1">
            <a:extLst>
              <a:ext uri="{FF2B5EF4-FFF2-40B4-BE49-F238E27FC236}">
                <a16:creationId xmlns:a16="http://schemas.microsoft.com/office/drawing/2014/main" id="{0A84D15B-98B0-402B-9C62-B58A6997569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99700" y="2509181"/>
            <a:ext cx="0" cy="8345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4d6dfbf20f9b4a77bafa2e120240a4a9_LeftVerticalConnector2" hidden="1">
            <a:extLst>
              <a:ext uri="{FF2B5EF4-FFF2-40B4-BE49-F238E27FC236}">
                <a16:creationId xmlns:a16="http://schemas.microsoft.com/office/drawing/2014/main" id="{F2FC49CA-9DF5-436E-B61D-7B4D4F69566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199700" y="3514260"/>
            <a:ext cx="0" cy="16292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4d6dfbf20f9b4a77bafa2e120240a4a9_RightVerticalConnector1" hidden="1">
            <a:extLst>
              <a:ext uri="{FF2B5EF4-FFF2-40B4-BE49-F238E27FC236}">
                <a16:creationId xmlns:a16="http://schemas.microsoft.com/office/drawing/2014/main" id="{1DB259BD-41E6-4F7E-AE1C-4B3ECABC8D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385414" y="2509181"/>
            <a:ext cx="0" cy="8345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4d6dfbf20f9b4a77bafa2e120240a4a9_RightVerticalConnector2" hidden="1">
            <a:extLst>
              <a:ext uri="{FF2B5EF4-FFF2-40B4-BE49-F238E27FC236}">
                <a16:creationId xmlns:a16="http://schemas.microsoft.com/office/drawing/2014/main" id="{11F01798-0CFB-4BD2-BE8C-48B7184D57C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385414" y="35142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4d6dfbf20f9b4a77bafa2e120240a4a9_RightVerticalConnector3" hidden="1">
            <a:extLst>
              <a:ext uri="{FF2B5EF4-FFF2-40B4-BE49-F238E27FC236}">
                <a16:creationId xmlns:a16="http://schemas.microsoft.com/office/drawing/2014/main" id="{9C247889-EAE1-41D8-8C42-6BF5A46DCCE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385414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_785dd1425bb746e4a224789fb71034b8_LeftVerticalConnector1" hidden="1">
            <a:extLst>
              <a:ext uri="{FF2B5EF4-FFF2-40B4-BE49-F238E27FC236}">
                <a16:creationId xmlns:a16="http://schemas.microsoft.com/office/drawing/2014/main" id="{98A00659-48FB-4353-9CCF-9E553A3057F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385531" y="2882900"/>
            <a:ext cx="0" cy="4608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785dd1425bb746e4a224789fb71034b8_LeftVerticalConnector2" hidden="1">
            <a:extLst>
              <a:ext uri="{FF2B5EF4-FFF2-40B4-BE49-F238E27FC236}">
                <a16:creationId xmlns:a16="http://schemas.microsoft.com/office/drawing/2014/main" id="{CE8884C1-9A2A-4FD3-B401-675ADBFF3FE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385531" y="35142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785dd1425bb746e4a224789fb71034b8_LeftVerticalConnector3" hidden="1">
            <a:extLst>
              <a:ext uri="{FF2B5EF4-FFF2-40B4-BE49-F238E27FC236}">
                <a16:creationId xmlns:a16="http://schemas.microsoft.com/office/drawing/2014/main" id="{B779BCED-D6BE-4822-9AF3-61EA53137F47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385531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_785dd1425bb746e4a224789fb71034b8_RightVerticalConnector1">
            <a:extLst>
              <a:ext uri="{FF2B5EF4-FFF2-40B4-BE49-F238E27FC236}">
                <a16:creationId xmlns:a16="http://schemas.microsoft.com/office/drawing/2014/main" id="{5571A4BF-9096-48D3-80C8-5480E9B83BD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942905" y="2882900"/>
            <a:ext cx="0" cy="6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_785dd1425bb746e4a224789fb71034b8_RightVerticalConnector2">
            <a:extLst>
              <a:ext uri="{FF2B5EF4-FFF2-40B4-BE49-F238E27FC236}">
                <a16:creationId xmlns:a16="http://schemas.microsoft.com/office/drawing/2014/main" id="{B698F98D-4624-47D5-A9A4-AC36185B8E6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942905" y="3225800"/>
            <a:ext cx="0" cy="6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785dd1425bb746e4a224789fb71034b8_RightVerticalConnector3">
            <a:extLst>
              <a:ext uri="{FF2B5EF4-FFF2-40B4-BE49-F238E27FC236}">
                <a16:creationId xmlns:a16="http://schemas.microsoft.com/office/drawing/2014/main" id="{7767B241-D9C7-432E-B32E-093C5CF7E58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942905" y="3568700"/>
            <a:ext cx="0" cy="6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785dd1425bb746e4a224789fb71034b8_RightVerticalConnector4">
            <a:extLst>
              <a:ext uri="{FF2B5EF4-FFF2-40B4-BE49-F238E27FC236}">
                <a16:creationId xmlns:a16="http://schemas.microsoft.com/office/drawing/2014/main" id="{715092AC-FFBC-4FD8-92C6-E2070814FFE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942905" y="3911600"/>
            <a:ext cx="0" cy="4608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785dd1425bb746e4a224789fb71034b8_RightVerticalConnector5">
            <a:extLst>
              <a:ext uri="{FF2B5EF4-FFF2-40B4-BE49-F238E27FC236}">
                <a16:creationId xmlns:a16="http://schemas.microsoft.com/office/drawing/2014/main" id="{1991B01C-BADB-48F1-9B39-7AA362827E7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942905" y="4542960"/>
            <a:ext cx="0" cy="17238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785dd1425bb746e4a224789fb71034b8_RightVerticalConnector6">
            <a:extLst>
              <a:ext uri="{FF2B5EF4-FFF2-40B4-BE49-F238E27FC236}">
                <a16:creationId xmlns:a16="http://schemas.microsoft.com/office/drawing/2014/main" id="{15B84808-9DC1-424B-8D15-793B9897DD3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42905" y="4885860"/>
            <a:ext cx="0" cy="2576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bade2268c72d4247b0c0f6c4021495c8_LeftVerticalConnector1" hidden="1">
            <a:extLst>
              <a:ext uri="{FF2B5EF4-FFF2-40B4-BE49-F238E27FC236}">
                <a16:creationId xmlns:a16="http://schemas.microsoft.com/office/drawing/2014/main" id="{89CBD03B-A38E-470E-B340-04EB4E81A58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385531" y="32258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bade2268c72d4247b0c0f6c4021495c8_LeftVerticalConnector2" hidden="1">
            <a:extLst>
              <a:ext uri="{FF2B5EF4-FFF2-40B4-BE49-F238E27FC236}">
                <a16:creationId xmlns:a16="http://schemas.microsoft.com/office/drawing/2014/main" id="{FF803FAD-83A5-4FD5-8C4A-4DB270667B0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385531" y="35142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bade2268c72d4247b0c0f6c4021495c8_LeftVerticalConnector3" hidden="1">
            <a:extLst>
              <a:ext uri="{FF2B5EF4-FFF2-40B4-BE49-F238E27FC236}">
                <a16:creationId xmlns:a16="http://schemas.microsoft.com/office/drawing/2014/main" id="{96EEB6AB-C1E6-4B63-971D-B9531377EEA5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385531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bade2268c72d4247b0c0f6c4021495c8_RightVerticalConnector1" hidden="1">
            <a:extLst>
              <a:ext uri="{FF2B5EF4-FFF2-40B4-BE49-F238E27FC236}">
                <a16:creationId xmlns:a16="http://schemas.microsoft.com/office/drawing/2014/main" id="{47CB1C97-85C5-4FB0-8C36-4514565C96E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94290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bade2268c72d4247b0c0f6c4021495c8_RightVerticalConnector2" hidden="1">
            <a:extLst>
              <a:ext uri="{FF2B5EF4-FFF2-40B4-BE49-F238E27FC236}">
                <a16:creationId xmlns:a16="http://schemas.microsoft.com/office/drawing/2014/main" id="{6FF198AC-4F80-4EAF-A236-F159DCAEE0D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94290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_bade2268c72d4247b0c0f6c4021495c8_RightVerticalConnector3" hidden="1">
            <a:extLst>
              <a:ext uri="{FF2B5EF4-FFF2-40B4-BE49-F238E27FC236}">
                <a16:creationId xmlns:a16="http://schemas.microsoft.com/office/drawing/2014/main" id="{0E45C802-596F-43FD-A397-8D49F18C666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942905" y="3911600"/>
            <a:ext cx="0" cy="4608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bade2268c72d4247b0c0f6c4021495c8_RightVerticalConnector4" hidden="1">
            <a:extLst>
              <a:ext uri="{FF2B5EF4-FFF2-40B4-BE49-F238E27FC236}">
                <a16:creationId xmlns:a16="http://schemas.microsoft.com/office/drawing/2014/main" id="{D8887DC3-51EB-4E9E-AA9A-D7DE78CE90C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942905" y="45429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_bade2268c72d4247b0c0f6c4021495c8_RightVerticalConnector5" hidden="1">
            <a:extLst>
              <a:ext uri="{FF2B5EF4-FFF2-40B4-BE49-F238E27FC236}">
                <a16:creationId xmlns:a16="http://schemas.microsoft.com/office/drawing/2014/main" id="{62DB5A17-F572-4BAA-AC3E-EDCF3B2AAE1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942905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_ef1c7177dcd140b286b8733369a1564b_LeftVerticalConnector1">
            <a:extLst>
              <a:ext uri="{FF2B5EF4-FFF2-40B4-BE49-F238E27FC236}">
                <a16:creationId xmlns:a16="http://schemas.microsoft.com/office/drawing/2014/main" id="{346635F9-C082-41AD-A220-B165FE211B39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5757192" y="3568700"/>
            <a:ext cx="0" cy="8037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f1c7177dcd140b286b8733369a1564b_LeftVerticalConnector2">
            <a:extLst>
              <a:ext uri="{FF2B5EF4-FFF2-40B4-BE49-F238E27FC236}">
                <a16:creationId xmlns:a16="http://schemas.microsoft.com/office/drawing/2014/main" id="{39A8EC0D-C0B7-47BE-A370-0CEEADEDE289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757192" y="4542960"/>
            <a:ext cx="0" cy="17238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f1c7177dcd140b286b8733369a1564b_LeftVerticalConnector3">
            <a:extLst>
              <a:ext uri="{FF2B5EF4-FFF2-40B4-BE49-F238E27FC236}">
                <a16:creationId xmlns:a16="http://schemas.microsoft.com/office/drawing/2014/main" id="{97C0C6D3-D9A6-46FD-84F1-0433B9BF66C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757192" y="4885860"/>
            <a:ext cx="0" cy="2576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ef1c7177dcd140b286b8733369a1564b_RightVerticalConnector1">
            <a:extLst>
              <a:ext uri="{FF2B5EF4-FFF2-40B4-BE49-F238E27FC236}">
                <a16:creationId xmlns:a16="http://schemas.microsoft.com/office/drawing/2014/main" id="{0890D91E-63DC-4DDE-8A77-F6CE246BC842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128736" y="3568700"/>
            <a:ext cx="0" cy="635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_ef1c7177dcd140b286b8733369a1564b_RightVerticalConnector2">
            <a:extLst>
              <a:ext uri="{FF2B5EF4-FFF2-40B4-BE49-F238E27FC236}">
                <a16:creationId xmlns:a16="http://schemas.microsoft.com/office/drawing/2014/main" id="{9CAB28D3-8057-44C8-B8C3-5842B2C93371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128736" y="3911600"/>
            <a:ext cx="0" cy="1179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ef1c7177dcd140b286b8733369a1564b_RightVerticalConnector3">
            <a:extLst>
              <a:ext uri="{FF2B5EF4-FFF2-40B4-BE49-F238E27FC236}">
                <a16:creationId xmlns:a16="http://schemas.microsoft.com/office/drawing/2014/main" id="{2DF4A5B4-4E8B-4179-8549-1B8DB21F6523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128736" y="4200060"/>
            <a:ext cx="0" cy="1179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_ef1c7177dcd140b286b8733369a1564b_RightVerticalConnector4">
            <a:extLst>
              <a:ext uri="{FF2B5EF4-FFF2-40B4-BE49-F238E27FC236}">
                <a16:creationId xmlns:a16="http://schemas.microsoft.com/office/drawing/2014/main" id="{23063D6B-5788-4C05-A4A8-08FCBEC91C77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8128736" y="4597400"/>
            <a:ext cx="0" cy="546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788e1ff5445949249ca60fd050b4a30b_LeftVerticalConnector1" hidden="1">
            <a:extLst>
              <a:ext uri="{FF2B5EF4-FFF2-40B4-BE49-F238E27FC236}">
                <a16:creationId xmlns:a16="http://schemas.microsoft.com/office/drawing/2014/main" id="{5C08D6A5-20FD-4F10-9EB0-54FF3D30E08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5757192" y="3911600"/>
            <a:ext cx="0" cy="4608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788e1ff5445949249ca60fd050b4a30b_LeftVerticalConnector2" hidden="1">
            <a:extLst>
              <a:ext uri="{FF2B5EF4-FFF2-40B4-BE49-F238E27FC236}">
                <a16:creationId xmlns:a16="http://schemas.microsoft.com/office/drawing/2014/main" id="{C8C8DE1D-1912-40EF-A53D-46BF6F26599B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757192" y="4542960"/>
            <a:ext cx="0" cy="1723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788e1ff5445949249ca60fd050b4a30b_LeftVerticalConnector3" hidden="1">
            <a:extLst>
              <a:ext uri="{FF2B5EF4-FFF2-40B4-BE49-F238E27FC236}">
                <a16:creationId xmlns:a16="http://schemas.microsoft.com/office/drawing/2014/main" id="{EEDCA60B-7186-482A-B755-EF8BA6965843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5757192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788e1ff5445949249ca60fd050b4a30b_RightVerticalConnector1" hidden="1">
            <a:extLst>
              <a:ext uri="{FF2B5EF4-FFF2-40B4-BE49-F238E27FC236}">
                <a16:creationId xmlns:a16="http://schemas.microsoft.com/office/drawing/2014/main" id="{F90FE4BB-A2F9-49D3-AD79-4EDF448BD9CD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8128736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788e1ff5445949249ca60fd050b4a30b_RightVerticalConnector2" hidden="1">
            <a:extLst>
              <a:ext uri="{FF2B5EF4-FFF2-40B4-BE49-F238E27FC236}">
                <a16:creationId xmlns:a16="http://schemas.microsoft.com/office/drawing/2014/main" id="{5907A73E-4C9D-48CC-8F77-45477C735EEE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8128736" y="420006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788e1ff5445949249ca60fd050b4a30b_RightVerticalConnector3" hidden="1">
            <a:extLst>
              <a:ext uri="{FF2B5EF4-FFF2-40B4-BE49-F238E27FC236}">
                <a16:creationId xmlns:a16="http://schemas.microsoft.com/office/drawing/2014/main" id="{F85FCDA3-7838-4DFD-B53F-B312A2BF577F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8128736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aeb70e7dadb47cbad4b08ba1477f8f9_LeftVerticalConnector1">
            <a:extLst>
              <a:ext uri="{FF2B5EF4-FFF2-40B4-BE49-F238E27FC236}">
                <a16:creationId xmlns:a16="http://schemas.microsoft.com/office/drawing/2014/main" id="{BD1887C5-CE69-437F-920C-8E1EB9CAB111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9314684" y="4254500"/>
            <a:ext cx="0" cy="12568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aeb70e7dadb47cbad4b08ba1477f8f9_LeftVerticalConnector2">
            <a:extLst>
              <a:ext uri="{FF2B5EF4-FFF2-40B4-BE49-F238E27FC236}">
                <a16:creationId xmlns:a16="http://schemas.microsoft.com/office/drawing/2014/main" id="{1FCB398A-714A-4EF7-BAC5-7CBBE1F3D4EA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314684" y="4535212"/>
            <a:ext cx="0" cy="608288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aeb70e7dadb47cbad4b08ba1477f8f9_RightVerticalConnector1">
            <a:extLst>
              <a:ext uri="{FF2B5EF4-FFF2-40B4-BE49-F238E27FC236}">
                <a16:creationId xmlns:a16="http://schemas.microsoft.com/office/drawing/2014/main" id="{FDF46101-1A7D-49EB-9234-261DAC9303A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10500397" y="4254500"/>
            <a:ext cx="0" cy="889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93033128514f4d2d8fba6b880c08dd4a_LeftVerticalConnector1">
            <a:extLst>
              <a:ext uri="{FF2B5EF4-FFF2-40B4-BE49-F238E27FC236}">
                <a16:creationId xmlns:a16="http://schemas.microsoft.com/office/drawing/2014/main" id="{1A5955EA-FD22-469B-AA18-E1EA2BB8DEB3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790045" y="4597400"/>
            <a:ext cx="0" cy="1179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_93033128514f4d2d8fba6b880c08dd4a_LeftVerticalConnector2">
            <a:extLst>
              <a:ext uri="{FF2B5EF4-FFF2-40B4-BE49-F238E27FC236}">
                <a16:creationId xmlns:a16="http://schemas.microsoft.com/office/drawing/2014/main" id="{E7F559A0-B1EE-442F-A2B7-3AF7EDBC3017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790045" y="4885860"/>
            <a:ext cx="0" cy="25764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93033128514f4d2d8fba6b880c08dd4a_RightVerticalConnector1">
            <a:extLst>
              <a:ext uri="{FF2B5EF4-FFF2-40B4-BE49-F238E27FC236}">
                <a16:creationId xmlns:a16="http://schemas.microsoft.com/office/drawing/2014/main" id="{788D6D26-FE1A-4C3E-BEAB-FCD29BDDCD59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8975758" y="4597400"/>
            <a:ext cx="0" cy="546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_6407134fe8fe47ed920e5f391980d660_LeftVerticalConnector1" hidden="1">
            <a:extLst>
              <a:ext uri="{FF2B5EF4-FFF2-40B4-BE49-F238E27FC236}">
                <a16:creationId xmlns:a16="http://schemas.microsoft.com/office/drawing/2014/main" id="{46A15083-5154-4F3C-AFEF-E2AC009F4583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8128853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6407134fe8fe47ed920e5f391980d660_RightVerticalConnector1">
            <a:extLst>
              <a:ext uri="{FF2B5EF4-FFF2-40B4-BE49-F238E27FC236}">
                <a16:creationId xmlns:a16="http://schemas.microsoft.com/office/drawing/2014/main" id="{A2EC7DAA-95EF-4318-89AE-0C70DC0E93D8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8298140" y="4940300"/>
            <a:ext cx="0" cy="2032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ScaleContainer">
            <a:extLst>
              <a:ext uri="{FF2B5EF4-FFF2-40B4-BE49-F238E27FC236}">
                <a16:creationId xmlns:a16="http://schemas.microsoft.com/office/drawing/2014/main" id="{395F6482-E45C-4687-9525-A1E29D8C694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48FB2"/>
              </a:gs>
              <a:gs pos="50000">
                <a:srgbClr val="9DC2F2"/>
              </a:gs>
              <a:gs pos="100000">
                <a:srgbClr val="44546A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B_00000000000000000000000000000000_ElapsedTime">
            <a:extLst>
              <a:ext uri="{FF2B5EF4-FFF2-40B4-BE49-F238E27FC236}">
                <a16:creationId xmlns:a16="http://schemas.microsoft.com/office/drawing/2014/main" id="{162BA342-323C-4E41-83EB-617DAD323FF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44465" y="5143500"/>
            <a:ext cx="1460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B_00000000000000000000000000000000_ElapsedTimeExtension">
            <a:extLst>
              <a:ext uri="{FF2B5EF4-FFF2-40B4-BE49-F238E27FC236}">
                <a16:creationId xmlns:a16="http://schemas.microsoft.com/office/drawing/2014/main" id="{6F6BF8DF-D3C5-4DC2-83DC-69373B30D60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44465" y="1451525"/>
            <a:ext cx="1460500" cy="3691975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C2B0090-96A4-4F88-9016-588DCDF0B0D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24228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3481A67-4931-4331-BE28-AB79180ADEF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116580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7E9E614-AC5F-47DA-9E04-A115DEA22AA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07965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A6FB8D-6DD8-4545-B516-1A0CFD7FA4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159501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54" name="OTLSHAPE_T_fdcb93a9085644deaa5b9ba609281c74_Shape">
            <a:extLst>
              <a:ext uri="{FF2B5EF4-FFF2-40B4-BE49-F238E27FC236}">
                <a16:creationId xmlns:a16="http://schemas.microsoft.com/office/drawing/2014/main" id="{D44C14EA-FCCA-4C47-8D20-62A6DAD355A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199700" y="1856063"/>
            <a:ext cx="1193800" cy="2794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" name="OTLSHAPE_T_270111e7bd784dae97b1bff4f28c8643_Shape">
            <a:extLst>
              <a:ext uri="{FF2B5EF4-FFF2-40B4-BE49-F238E27FC236}">
                <a16:creationId xmlns:a16="http://schemas.microsoft.com/office/drawing/2014/main" id="{75345797-A78F-44E1-8745-3E7AE4CB9E4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199700" y="1482344"/>
            <a:ext cx="11938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8" name="OTLSHAPE_T_785dd1425bb746e4a224789fb71034b8_Shape">
            <a:extLst>
              <a:ext uri="{FF2B5EF4-FFF2-40B4-BE49-F238E27FC236}">
                <a16:creationId xmlns:a16="http://schemas.microsoft.com/office/drawing/2014/main" id="{EDF9413A-3B89-4C53-B95F-D2C6200DF33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385531" y="2603500"/>
            <a:ext cx="3568700" cy="2794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2" name="OTLSHAPE_T_ef1c7177dcd140b286b8733369a1564b_Shape">
            <a:extLst>
              <a:ext uri="{FF2B5EF4-FFF2-40B4-BE49-F238E27FC236}">
                <a16:creationId xmlns:a16="http://schemas.microsoft.com/office/drawing/2014/main" id="{A1220D2B-CB9C-4E5E-9AAA-FE827871B6C3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757192" y="3289300"/>
            <a:ext cx="2374900" cy="2794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0" name="OTLSHAPE_T_bade2268c72d4247b0c0f6c4021495c8_Shape">
            <a:extLst>
              <a:ext uri="{FF2B5EF4-FFF2-40B4-BE49-F238E27FC236}">
                <a16:creationId xmlns:a16="http://schemas.microsoft.com/office/drawing/2014/main" id="{879E849D-5FD5-492C-B567-69B2B447C54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385531" y="2946400"/>
            <a:ext cx="35687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6" name="OTLSHAPE_T_4d6dfbf20f9b4a77bafa2e120240a4a9_Shape">
            <a:extLst>
              <a:ext uri="{FF2B5EF4-FFF2-40B4-BE49-F238E27FC236}">
                <a16:creationId xmlns:a16="http://schemas.microsoft.com/office/drawing/2014/main" id="{780D0837-4FB5-42C6-9077-8D245FA727F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199700" y="2229781"/>
            <a:ext cx="119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4" name="OTLSHAPE_T_788e1ff5445949249ca60fd050b4a30b_Shape">
            <a:extLst>
              <a:ext uri="{FF2B5EF4-FFF2-40B4-BE49-F238E27FC236}">
                <a16:creationId xmlns:a16="http://schemas.microsoft.com/office/drawing/2014/main" id="{BD2900B1-FA2B-48E5-BF9E-81E8965F72A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757192" y="3632200"/>
            <a:ext cx="23749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6" name="OTLSHAPE_T_6aeb70e7dadb47cbad4b08ba1477f8f9_Shape">
            <a:extLst>
              <a:ext uri="{FF2B5EF4-FFF2-40B4-BE49-F238E27FC236}">
                <a16:creationId xmlns:a16="http://schemas.microsoft.com/office/drawing/2014/main" id="{4942BA04-DDEC-42C2-8C52-DD3F3642B37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314684" y="3975100"/>
            <a:ext cx="119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8" name="OTLSHAPE_T_93033128514f4d2d8fba6b880c08dd4a_Shape">
            <a:extLst>
              <a:ext uri="{FF2B5EF4-FFF2-40B4-BE49-F238E27FC236}">
                <a16:creationId xmlns:a16="http://schemas.microsoft.com/office/drawing/2014/main" id="{3FFBA769-B872-4C6B-BE1F-8E9B5F7967C0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790045" y="4318000"/>
            <a:ext cx="119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0" name="OTLSHAPE_T_6407134fe8fe47ed920e5f391980d660_Shape">
            <a:extLst>
              <a:ext uri="{FF2B5EF4-FFF2-40B4-BE49-F238E27FC236}">
                <a16:creationId xmlns:a16="http://schemas.microsoft.com/office/drawing/2014/main" id="{76DD3CAC-489B-4624-A3D3-1726B17B75A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128853" y="4660900"/>
            <a:ext cx="177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5" name="OTLSHAPE_T_fdcb93a9085644deaa5b9ba609281c74_ShapePercentage" hidden="1">
            <a:extLst>
              <a:ext uri="{FF2B5EF4-FFF2-40B4-BE49-F238E27FC236}">
                <a16:creationId xmlns:a16="http://schemas.microsoft.com/office/drawing/2014/main" id="{90296430-73FD-44B2-881C-C23E14ED50C5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3" name="OTLSHAPE_T_270111e7bd784dae97b1bff4f28c8643_ShapePercentage" hidden="1">
            <a:extLst>
              <a:ext uri="{FF2B5EF4-FFF2-40B4-BE49-F238E27FC236}">
                <a16:creationId xmlns:a16="http://schemas.microsoft.com/office/drawing/2014/main" id="{A93402C6-9BC5-4397-B362-C17D8AAECFE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9" name="OTLSHAPE_T_785dd1425bb746e4a224789fb71034b8_ShapePercentage" hidden="1">
            <a:extLst>
              <a:ext uri="{FF2B5EF4-FFF2-40B4-BE49-F238E27FC236}">
                <a16:creationId xmlns:a16="http://schemas.microsoft.com/office/drawing/2014/main" id="{E3715AE4-044D-40D7-8FA0-3B2B953F2DE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3" name="OTLSHAPE_T_ef1c7177dcd140b286b8733369a1564b_ShapePercentage" hidden="1">
            <a:extLst>
              <a:ext uri="{FF2B5EF4-FFF2-40B4-BE49-F238E27FC236}">
                <a16:creationId xmlns:a16="http://schemas.microsoft.com/office/drawing/2014/main" id="{E900A5B3-E21D-422E-830D-18FCB2CC5B1A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1" name="OTLSHAPE_T_bade2268c72d4247b0c0f6c4021495c8_ShapePercentage" hidden="1">
            <a:extLst>
              <a:ext uri="{FF2B5EF4-FFF2-40B4-BE49-F238E27FC236}">
                <a16:creationId xmlns:a16="http://schemas.microsoft.com/office/drawing/2014/main" id="{4374FB92-60BE-4573-A360-39C5B770D7A5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7" name="OTLSHAPE_T_4d6dfbf20f9b4a77bafa2e120240a4a9_ShapePercentage" hidden="1">
            <a:extLst>
              <a:ext uri="{FF2B5EF4-FFF2-40B4-BE49-F238E27FC236}">
                <a16:creationId xmlns:a16="http://schemas.microsoft.com/office/drawing/2014/main" id="{DD302AB8-2453-4CE4-92E8-77F02A475C4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5" name="OTLSHAPE_T_788e1ff5445949249ca60fd050b4a30b_ShapePercentage" hidden="1">
            <a:extLst>
              <a:ext uri="{FF2B5EF4-FFF2-40B4-BE49-F238E27FC236}">
                <a16:creationId xmlns:a16="http://schemas.microsoft.com/office/drawing/2014/main" id="{A6B55315-F71D-40BC-9AB3-35F9F79D694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7" name="OTLSHAPE_T_6aeb70e7dadb47cbad4b08ba1477f8f9_ShapePercentage" hidden="1">
            <a:extLst>
              <a:ext uri="{FF2B5EF4-FFF2-40B4-BE49-F238E27FC236}">
                <a16:creationId xmlns:a16="http://schemas.microsoft.com/office/drawing/2014/main" id="{38C64078-DB36-4AA5-A45B-2A0CBDD2272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9" name="OTLSHAPE_T_93033128514f4d2d8fba6b880c08dd4a_ShapePercentage" hidden="1">
            <a:extLst>
              <a:ext uri="{FF2B5EF4-FFF2-40B4-BE49-F238E27FC236}">
                <a16:creationId xmlns:a16="http://schemas.microsoft.com/office/drawing/2014/main" id="{0F4D3657-1041-4A2B-AED5-D34895A96B37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1" name="OTLSHAPE_T_6407134fe8fe47ed920e5f391980d660_ShapePercentage" hidden="1">
            <a:extLst>
              <a:ext uri="{FF2B5EF4-FFF2-40B4-BE49-F238E27FC236}">
                <a16:creationId xmlns:a16="http://schemas.microsoft.com/office/drawing/2014/main" id="{B11B1C5E-8573-49CF-9B3B-CC32F86F20E1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" name="OTLSHAPE_T_fdcb93a9085644deaa5b9ba609281c74_Duration" hidden="1">
            <a:extLst>
              <a:ext uri="{FF2B5EF4-FFF2-40B4-BE49-F238E27FC236}">
                <a16:creationId xmlns:a16="http://schemas.microsoft.com/office/drawing/2014/main" id="{0E9362E1-D454-4BC3-BF16-D2C1EDA1E66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15" name="OTLSHAPE_T_fdcb93a9085644deaa5b9ba609281c74_TextPercentage" hidden="1">
            <a:extLst>
              <a:ext uri="{FF2B5EF4-FFF2-40B4-BE49-F238E27FC236}">
                <a16:creationId xmlns:a16="http://schemas.microsoft.com/office/drawing/2014/main" id="{AC743AF7-45C3-4D18-BE59-B2F928B3D26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16" name="OTLSHAPE_T_fdcb93a9085644deaa5b9ba609281c74_StartDate" hidden="1">
            <a:extLst>
              <a:ext uri="{FF2B5EF4-FFF2-40B4-BE49-F238E27FC236}">
                <a16:creationId xmlns:a16="http://schemas.microsoft.com/office/drawing/2014/main" id="{00A1BA4A-1A7F-427F-AC20-464AD953FFF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17" name="OTLSHAPE_T_fdcb93a9085644deaa5b9ba609281c74_EndDate" hidden="1">
            <a:extLst>
              <a:ext uri="{FF2B5EF4-FFF2-40B4-BE49-F238E27FC236}">
                <a16:creationId xmlns:a16="http://schemas.microsoft.com/office/drawing/2014/main" id="{52F6EAFD-EE93-4FA1-A6B4-5425A4D6E78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18" name="OTLSHAPE_T_fdcb93a9085644deaa5b9ba609281c74_JoinedDate">
            <a:extLst>
              <a:ext uri="{FF2B5EF4-FFF2-40B4-BE49-F238E27FC236}">
                <a16:creationId xmlns:a16="http://schemas.microsoft.com/office/drawing/2014/main" id="{11641E18-CB37-4762-9CDC-E8B9B323EF9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36214" y="191825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15</a:t>
            </a:r>
          </a:p>
        </p:txBody>
      </p:sp>
      <p:sp>
        <p:nvSpPr>
          <p:cNvPr id="19" name="OTLSHAPE_T_fdcb93a9085644deaa5b9ba609281c74_Title">
            <a:extLst>
              <a:ext uri="{FF2B5EF4-FFF2-40B4-BE49-F238E27FC236}">
                <a16:creationId xmlns:a16="http://schemas.microsoft.com/office/drawing/2014/main" id="{6F98F201-F70B-473F-88DC-44514B28EBF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2684" y="1910503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éflexion fabrication voiture</a:t>
            </a:r>
          </a:p>
        </p:txBody>
      </p:sp>
      <p:sp>
        <p:nvSpPr>
          <p:cNvPr id="22" name="OTLSHAPE_T_270111e7bd784dae97b1bff4f28c8643_Duration" hidden="1">
            <a:extLst>
              <a:ext uri="{FF2B5EF4-FFF2-40B4-BE49-F238E27FC236}">
                <a16:creationId xmlns:a16="http://schemas.microsoft.com/office/drawing/2014/main" id="{D70175AB-2B08-4D61-B179-6DEC5204993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3" name="OTLSHAPE_T_270111e7bd784dae97b1bff4f28c8643_TextPercentage" hidden="1">
            <a:extLst>
              <a:ext uri="{FF2B5EF4-FFF2-40B4-BE49-F238E27FC236}">
                <a16:creationId xmlns:a16="http://schemas.microsoft.com/office/drawing/2014/main" id="{B7D6E75A-F476-4A19-8C06-C5A95982BDF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4" name="OTLSHAPE_T_270111e7bd784dae97b1bff4f28c8643_StartDate" hidden="1">
            <a:extLst>
              <a:ext uri="{FF2B5EF4-FFF2-40B4-BE49-F238E27FC236}">
                <a16:creationId xmlns:a16="http://schemas.microsoft.com/office/drawing/2014/main" id="{3EBA0CAB-2EDC-42D6-9DF9-4F751380E05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5" name="OTLSHAPE_T_270111e7bd784dae97b1bff4f28c8643_EndDate" hidden="1">
            <a:extLst>
              <a:ext uri="{FF2B5EF4-FFF2-40B4-BE49-F238E27FC236}">
                <a16:creationId xmlns:a16="http://schemas.microsoft.com/office/drawing/2014/main" id="{C165B382-6B64-4475-905A-2786437FC22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26" name="OTLSHAPE_T_270111e7bd784dae97b1bff4f28c8643_JoinedDate">
            <a:extLst>
              <a:ext uri="{FF2B5EF4-FFF2-40B4-BE49-F238E27FC236}">
                <a16:creationId xmlns:a16="http://schemas.microsoft.com/office/drawing/2014/main" id="{23047323-3BDB-4188-B69F-6BFE14893B7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436214" y="154453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15</a:t>
            </a:r>
          </a:p>
        </p:txBody>
      </p:sp>
      <p:sp>
        <p:nvSpPr>
          <p:cNvPr id="27" name="OTLSHAPE_T_270111e7bd784dae97b1bff4f28c8643_Title">
            <a:extLst>
              <a:ext uri="{FF2B5EF4-FFF2-40B4-BE49-F238E27FC236}">
                <a16:creationId xmlns:a16="http://schemas.microsoft.com/office/drawing/2014/main" id="{4024C086-6964-4FC1-A8D8-4741BC5F4DC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67184" y="1451525"/>
            <a:ext cx="1892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Recherche communication gant/voiture</a:t>
            </a:r>
          </a:p>
        </p:txBody>
      </p:sp>
      <p:sp>
        <p:nvSpPr>
          <p:cNvPr id="30" name="OTLSHAPE_T_785dd1425bb746e4a224789fb71034b8_Duration" hidden="1">
            <a:extLst>
              <a:ext uri="{FF2B5EF4-FFF2-40B4-BE49-F238E27FC236}">
                <a16:creationId xmlns:a16="http://schemas.microsoft.com/office/drawing/2014/main" id="{2FEA6352-4D06-4BD3-B7FA-5986CFEFC26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1" name="OTLSHAPE_T_785dd1425bb746e4a224789fb71034b8_TextPercentage" hidden="1">
            <a:extLst>
              <a:ext uri="{FF2B5EF4-FFF2-40B4-BE49-F238E27FC236}">
                <a16:creationId xmlns:a16="http://schemas.microsoft.com/office/drawing/2014/main" id="{A06C2B4F-785A-4B7F-AABC-E292D826EA9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2" name="OTLSHAPE_T_785dd1425bb746e4a224789fb71034b8_StartDate" hidden="1">
            <a:extLst>
              <a:ext uri="{FF2B5EF4-FFF2-40B4-BE49-F238E27FC236}">
                <a16:creationId xmlns:a16="http://schemas.microsoft.com/office/drawing/2014/main" id="{69EC4038-0646-4949-A431-9D2167A3777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3" name="OTLSHAPE_T_785dd1425bb746e4a224789fb71034b8_EndDate" hidden="1">
            <a:extLst>
              <a:ext uri="{FF2B5EF4-FFF2-40B4-BE49-F238E27FC236}">
                <a16:creationId xmlns:a16="http://schemas.microsoft.com/office/drawing/2014/main" id="{776BD143-1C54-40CE-BBD5-B82C22C1BA8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4" name="OTLSHAPE_T_785dd1425bb746e4a224789fb71034b8_JoinedDate">
            <a:extLst>
              <a:ext uri="{FF2B5EF4-FFF2-40B4-BE49-F238E27FC236}">
                <a16:creationId xmlns:a16="http://schemas.microsoft.com/office/drawing/2014/main" id="{F99C14B3-D549-480F-AB93-BA6BF5DD10B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993705" y="26656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16 - Jan 5</a:t>
            </a:r>
          </a:p>
        </p:txBody>
      </p:sp>
      <p:sp>
        <p:nvSpPr>
          <p:cNvPr id="35" name="OTLSHAPE_T_785dd1425bb746e4a224789fb71034b8_Title">
            <a:extLst>
              <a:ext uri="{FF2B5EF4-FFF2-40B4-BE49-F238E27FC236}">
                <a16:creationId xmlns:a16="http://schemas.microsoft.com/office/drawing/2014/main" id="{EDA2B846-9414-4748-B8F5-E0D03144824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446118" y="2657941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abrication de la voiture </a:t>
            </a:r>
          </a:p>
        </p:txBody>
      </p:sp>
      <p:sp>
        <p:nvSpPr>
          <p:cNvPr id="38" name="OTLSHAPE_T_ef1c7177dcd140b286b8733369a1564b_Duration" hidden="1">
            <a:extLst>
              <a:ext uri="{FF2B5EF4-FFF2-40B4-BE49-F238E27FC236}">
                <a16:creationId xmlns:a16="http://schemas.microsoft.com/office/drawing/2014/main" id="{02BE1296-6233-4F3B-9E5B-A76DE3D25B6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9" name="OTLSHAPE_T_ef1c7177dcd140b286b8733369a1564b_TextPercentage" hidden="1">
            <a:extLst>
              <a:ext uri="{FF2B5EF4-FFF2-40B4-BE49-F238E27FC236}">
                <a16:creationId xmlns:a16="http://schemas.microsoft.com/office/drawing/2014/main" id="{3A387D80-90C7-41DE-ACE8-7D171ED5C5A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0" name="OTLSHAPE_T_ef1c7177dcd140b286b8733369a1564b_StartDate" hidden="1">
            <a:extLst>
              <a:ext uri="{FF2B5EF4-FFF2-40B4-BE49-F238E27FC236}">
                <a16:creationId xmlns:a16="http://schemas.microsoft.com/office/drawing/2014/main" id="{49A24B79-BBDE-4B3A-A92D-033BE3D5771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1" name="OTLSHAPE_T_ef1c7177dcd140b286b8733369a1564b_EndDate" hidden="1">
            <a:extLst>
              <a:ext uri="{FF2B5EF4-FFF2-40B4-BE49-F238E27FC236}">
                <a16:creationId xmlns:a16="http://schemas.microsoft.com/office/drawing/2014/main" id="{C849C010-7F61-4E80-A057-9C81704B24E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2" name="OTLSHAPE_T_ef1c7177dcd140b286b8733369a1564b_JoinedDate">
            <a:extLst>
              <a:ext uri="{FF2B5EF4-FFF2-40B4-BE49-F238E27FC236}">
                <a16:creationId xmlns:a16="http://schemas.microsoft.com/office/drawing/2014/main" id="{BB65D882-A526-4DA0-931F-5F6BB161A7E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179536" y="33514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30 - Jan 12</a:t>
            </a:r>
          </a:p>
        </p:txBody>
      </p:sp>
      <p:sp>
        <p:nvSpPr>
          <p:cNvPr id="43" name="OTLSHAPE_T_ef1c7177dcd140b286b8733369a1564b_Title">
            <a:extLst>
              <a:ext uri="{FF2B5EF4-FFF2-40B4-BE49-F238E27FC236}">
                <a16:creationId xmlns:a16="http://schemas.microsoft.com/office/drawing/2014/main" id="{AE43406B-BA57-470A-A6D4-4B9A552C6B7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85049" y="3343740"/>
            <a:ext cx="482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Code pour les mouvements élémentaire de la voiture( test téléphone en bluetooth)</a:t>
            </a:r>
          </a:p>
        </p:txBody>
      </p:sp>
      <p:sp>
        <p:nvSpPr>
          <p:cNvPr id="46" name="OTLSHAPE_T_bade2268c72d4247b0c0f6c4021495c8_Duration" hidden="1">
            <a:extLst>
              <a:ext uri="{FF2B5EF4-FFF2-40B4-BE49-F238E27FC236}">
                <a16:creationId xmlns:a16="http://schemas.microsoft.com/office/drawing/2014/main" id="{91514D18-427C-4940-92C0-C6A7DFE4FDE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bade2268c72d4247b0c0f6c4021495c8_TextPercentage" hidden="1">
            <a:extLst>
              <a:ext uri="{FF2B5EF4-FFF2-40B4-BE49-F238E27FC236}">
                <a16:creationId xmlns:a16="http://schemas.microsoft.com/office/drawing/2014/main" id="{CC640D22-7F04-4831-BBC0-DFEB7CED818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8" name="OTLSHAPE_T_bade2268c72d4247b0c0f6c4021495c8_StartDate" hidden="1">
            <a:extLst>
              <a:ext uri="{FF2B5EF4-FFF2-40B4-BE49-F238E27FC236}">
                <a16:creationId xmlns:a16="http://schemas.microsoft.com/office/drawing/2014/main" id="{AD6C4235-A3F4-4344-9C3C-76E908C42DC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9" name="OTLSHAPE_T_bade2268c72d4247b0c0f6c4021495c8_EndDate" hidden="1">
            <a:extLst>
              <a:ext uri="{FF2B5EF4-FFF2-40B4-BE49-F238E27FC236}">
                <a16:creationId xmlns:a16="http://schemas.microsoft.com/office/drawing/2014/main" id="{70308431-5FA4-4851-A43C-63E51F0C7FA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0" name="OTLSHAPE_T_bade2268c72d4247b0c0f6c4021495c8_JoinedDate">
            <a:extLst>
              <a:ext uri="{FF2B5EF4-FFF2-40B4-BE49-F238E27FC236}">
                <a16:creationId xmlns:a16="http://schemas.microsoft.com/office/drawing/2014/main" id="{A5E2EAA5-70B4-4AC1-A720-0886369CDF2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93705" y="30085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16 - Jan 5</a:t>
            </a:r>
          </a:p>
        </p:txBody>
      </p:sp>
      <p:sp>
        <p:nvSpPr>
          <p:cNvPr id="51" name="OTLSHAPE_T_bade2268c72d4247b0c0f6c4021495c8_Title">
            <a:extLst>
              <a:ext uri="{FF2B5EF4-FFF2-40B4-BE49-F238E27FC236}">
                <a16:creationId xmlns:a16="http://schemas.microsoft.com/office/drawing/2014/main" id="{15DE381D-C194-4861-B3D6-B031ED53589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698319" y="3000841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abrication gant</a:t>
            </a:r>
          </a:p>
        </p:txBody>
      </p:sp>
      <p:sp>
        <p:nvSpPr>
          <p:cNvPr id="54" name="OTLSHAPE_T_4d6dfbf20f9b4a77bafa2e120240a4a9_Duration" hidden="1">
            <a:extLst>
              <a:ext uri="{FF2B5EF4-FFF2-40B4-BE49-F238E27FC236}">
                <a16:creationId xmlns:a16="http://schemas.microsoft.com/office/drawing/2014/main" id="{B4C7FEAA-8DA7-4677-AD60-60347DF4B20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4d6dfbf20f9b4a77bafa2e120240a4a9_TextPercentage" hidden="1">
            <a:extLst>
              <a:ext uri="{FF2B5EF4-FFF2-40B4-BE49-F238E27FC236}">
                <a16:creationId xmlns:a16="http://schemas.microsoft.com/office/drawing/2014/main" id="{7E49B3F8-4543-4B90-A18D-0F40D2896AE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6" name="OTLSHAPE_T_4d6dfbf20f9b4a77bafa2e120240a4a9_StartDate" hidden="1">
            <a:extLst>
              <a:ext uri="{FF2B5EF4-FFF2-40B4-BE49-F238E27FC236}">
                <a16:creationId xmlns:a16="http://schemas.microsoft.com/office/drawing/2014/main" id="{43EDE865-73DF-4A5F-A102-AA872FF4584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7" name="OTLSHAPE_T_4d6dfbf20f9b4a77bafa2e120240a4a9_EndDate" hidden="1">
            <a:extLst>
              <a:ext uri="{FF2B5EF4-FFF2-40B4-BE49-F238E27FC236}">
                <a16:creationId xmlns:a16="http://schemas.microsoft.com/office/drawing/2014/main" id="{955ACA47-A996-4A47-BAAC-B0F3D7D8056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8" name="OTLSHAPE_T_4d6dfbf20f9b4a77bafa2e120240a4a9_JoinedDate">
            <a:extLst>
              <a:ext uri="{FF2B5EF4-FFF2-40B4-BE49-F238E27FC236}">
                <a16:creationId xmlns:a16="http://schemas.microsoft.com/office/drawing/2014/main" id="{BE2519F9-0ABE-411F-A665-FF43ABE3E71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436214" y="229196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15</a:t>
            </a:r>
          </a:p>
        </p:txBody>
      </p:sp>
      <p:sp>
        <p:nvSpPr>
          <p:cNvPr id="59" name="OTLSHAPE_T_4d6dfbf20f9b4a77bafa2e120240a4a9_Title">
            <a:extLst>
              <a:ext uri="{FF2B5EF4-FFF2-40B4-BE49-F238E27FC236}">
                <a16:creationId xmlns:a16="http://schemas.microsoft.com/office/drawing/2014/main" id="{CB2B557A-6514-417E-BAD3-7C48286ABCB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01821" y="2198963"/>
            <a:ext cx="1955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Recherche idée pour retourner la voiture(code/composants)</a:t>
            </a:r>
          </a:p>
        </p:txBody>
      </p:sp>
      <p:sp>
        <p:nvSpPr>
          <p:cNvPr id="62" name="OTLSHAPE_T_788e1ff5445949249ca60fd050b4a30b_Duration" hidden="1">
            <a:extLst>
              <a:ext uri="{FF2B5EF4-FFF2-40B4-BE49-F238E27FC236}">
                <a16:creationId xmlns:a16="http://schemas.microsoft.com/office/drawing/2014/main" id="{C6494E1D-C6BF-4FA4-B84D-0E43EA12231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788e1ff5445949249ca60fd050b4a30b_TextPercentage" hidden="1">
            <a:extLst>
              <a:ext uri="{FF2B5EF4-FFF2-40B4-BE49-F238E27FC236}">
                <a16:creationId xmlns:a16="http://schemas.microsoft.com/office/drawing/2014/main" id="{A875F261-910C-4AEE-BA6A-D12369B7868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4" name="OTLSHAPE_T_788e1ff5445949249ca60fd050b4a30b_StartDate" hidden="1">
            <a:extLst>
              <a:ext uri="{FF2B5EF4-FFF2-40B4-BE49-F238E27FC236}">
                <a16:creationId xmlns:a16="http://schemas.microsoft.com/office/drawing/2014/main" id="{F6285E42-46B6-4609-81B3-35FF412F8DB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5" name="OTLSHAPE_T_788e1ff5445949249ca60fd050b4a30b_EndDate" hidden="1">
            <a:extLst>
              <a:ext uri="{FF2B5EF4-FFF2-40B4-BE49-F238E27FC236}">
                <a16:creationId xmlns:a16="http://schemas.microsoft.com/office/drawing/2014/main" id="{F7D2BC6D-C2E4-48D6-8311-8EC39F57900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6" name="OTLSHAPE_T_788e1ff5445949249ca60fd050b4a30b_JoinedDate">
            <a:extLst>
              <a:ext uri="{FF2B5EF4-FFF2-40B4-BE49-F238E27FC236}">
                <a16:creationId xmlns:a16="http://schemas.microsoft.com/office/drawing/2014/main" id="{EC491936-020F-46B0-871E-02C28DE2F9A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179536" y="3694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30 - Jan 12</a:t>
            </a:r>
          </a:p>
        </p:txBody>
      </p:sp>
      <p:sp>
        <p:nvSpPr>
          <p:cNvPr id="67" name="OTLSHAPE_T_788e1ff5445949249ca60fd050b4a30b_Title">
            <a:extLst>
              <a:ext uri="{FF2B5EF4-FFF2-40B4-BE49-F238E27FC236}">
                <a16:creationId xmlns:a16="http://schemas.microsoft.com/office/drawing/2014/main" id="{6B4787BD-8A57-4C1B-997A-A5544F5C86E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3308886" y="3686640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de du gant( accéléromètre/flex sensor)</a:t>
            </a:r>
          </a:p>
        </p:txBody>
      </p:sp>
      <p:sp>
        <p:nvSpPr>
          <p:cNvPr id="70" name="OTLSHAPE_T_6aeb70e7dadb47cbad4b08ba1477f8f9_Duration" hidden="1">
            <a:extLst>
              <a:ext uri="{FF2B5EF4-FFF2-40B4-BE49-F238E27FC236}">
                <a16:creationId xmlns:a16="http://schemas.microsoft.com/office/drawing/2014/main" id="{FFAB24CA-4195-482B-BEAD-DE0D63E2980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6aeb70e7dadb47cbad4b08ba1477f8f9_TextPercentage" hidden="1">
            <a:extLst>
              <a:ext uri="{FF2B5EF4-FFF2-40B4-BE49-F238E27FC236}">
                <a16:creationId xmlns:a16="http://schemas.microsoft.com/office/drawing/2014/main" id="{981AFD85-59F5-4918-A503-B280F93329C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6aeb70e7dadb47cbad4b08ba1477f8f9_StartDate" hidden="1">
            <a:extLst>
              <a:ext uri="{FF2B5EF4-FFF2-40B4-BE49-F238E27FC236}">
                <a16:creationId xmlns:a16="http://schemas.microsoft.com/office/drawing/2014/main" id="{5D78E088-204A-4F46-B7DA-A8B91F0E9F4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3" name="OTLSHAPE_T_6aeb70e7dadb47cbad4b08ba1477f8f9_EndDate" hidden="1">
            <a:extLst>
              <a:ext uri="{FF2B5EF4-FFF2-40B4-BE49-F238E27FC236}">
                <a16:creationId xmlns:a16="http://schemas.microsoft.com/office/drawing/2014/main" id="{024C551F-DD50-4C9E-900D-65E430BCCB3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4" name="OTLSHAPE_T_6aeb70e7dadb47cbad4b08ba1477f8f9_JoinedDate">
            <a:extLst>
              <a:ext uri="{FF2B5EF4-FFF2-40B4-BE49-F238E27FC236}">
                <a16:creationId xmlns:a16="http://schemas.microsoft.com/office/drawing/2014/main" id="{59B16290-0DE8-4F41-83DF-3C4CB04F1AD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551197" y="40372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20 - Jan 26</a:t>
            </a:r>
          </a:p>
        </p:txBody>
      </p:sp>
      <p:sp>
        <p:nvSpPr>
          <p:cNvPr id="75" name="OTLSHAPE_T_6aeb70e7dadb47cbad4b08ba1477f8f9_Title">
            <a:extLst>
              <a:ext uri="{FF2B5EF4-FFF2-40B4-BE49-F238E27FC236}">
                <a16:creationId xmlns:a16="http://schemas.microsoft.com/office/drawing/2014/main" id="{895E80F7-39C7-44D9-8D65-DE192BC694E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277012" y="4029540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de communication voiture/gant</a:t>
            </a:r>
          </a:p>
        </p:txBody>
      </p:sp>
      <p:sp>
        <p:nvSpPr>
          <p:cNvPr id="78" name="OTLSHAPE_T_93033128514f4d2d8fba6b880c08dd4a_Duration" hidden="1">
            <a:extLst>
              <a:ext uri="{FF2B5EF4-FFF2-40B4-BE49-F238E27FC236}">
                <a16:creationId xmlns:a16="http://schemas.microsoft.com/office/drawing/2014/main" id="{5E3FBF56-B2D6-4BF6-A7FE-6790043225D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93033128514f4d2d8fba6b880c08dd4a_TextPercentage" hidden="1">
            <a:extLst>
              <a:ext uri="{FF2B5EF4-FFF2-40B4-BE49-F238E27FC236}">
                <a16:creationId xmlns:a16="http://schemas.microsoft.com/office/drawing/2014/main" id="{5165A1F9-442A-4F3A-9FB5-A9B181805E7E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93033128514f4d2d8fba6b880c08dd4a_StartDate" hidden="1">
            <a:extLst>
              <a:ext uri="{FF2B5EF4-FFF2-40B4-BE49-F238E27FC236}">
                <a16:creationId xmlns:a16="http://schemas.microsoft.com/office/drawing/2014/main" id="{BFA6C202-6221-4E73-8C1C-3394914D784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1" name="OTLSHAPE_T_93033128514f4d2d8fba6b880c08dd4a_EndDate" hidden="1">
            <a:extLst>
              <a:ext uri="{FF2B5EF4-FFF2-40B4-BE49-F238E27FC236}">
                <a16:creationId xmlns:a16="http://schemas.microsoft.com/office/drawing/2014/main" id="{11FDB07E-DE3D-48A5-969E-1231B6614FC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2" name="OTLSHAPE_T_93033128514f4d2d8fba6b880c08dd4a_JoinedDate">
            <a:extLst>
              <a:ext uri="{FF2B5EF4-FFF2-40B4-BE49-F238E27FC236}">
                <a16:creationId xmlns:a16="http://schemas.microsoft.com/office/drawing/2014/main" id="{B3E75ADB-665D-4849-99CD-42A8BD8EB92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026558" y="43801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1 - Jan 17</a:t>
            </a:r>
          </a:p>
        </p:txBody>
      </p:sp>
      <p:sp>
        <p:nvSpPr>
          <p:cNvPr id="83" name="OTLSHAPE_T_93033128514f4d2d8fba6b880c08dd4a_Title">
            <a:extLst>
              <a:ext uri="{FF2B5EF4-FFF2-40B4-BE49-F238E27FC236}">
                <a16:creationId xmlns:a16="http://schemas.microsoft.com/office/drawing/2014/main" id="{13EA1171-9FFA-4983-B7C3-3A55CFE7513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809653" y="4372440"/>
            <a:ext cx="393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sation du code pour le contrôle total de la voiture avec le gant.</a:t>
            </a:r>
          </a:p>
        </p:txBody>
      </p:sp>
      <p:sp>
        <p:nvSpPr>
          <p:cNvPr id="86" name="OTLSHAPE_T_6407134fe8fe47ed920e5f391980d660_Duration" hidden="1">
            <a:extLst>
              <a:ext uri="{FF2B5EF4-FFF2-40B4-BE49-F238E27FC236}">
                <a16:creationId xmlns:a16="http://schemas.microsoft.com/office/drawing/2014/main" id="{0EC484D3-8321-4F01-86BD-940B7F566A3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6407134fe8fe47ed920e5f391980d660_TextPercentage" hidden="1">
            <a:extLst>
              <a:ext uri="{FF2B5EF4-FFF2-40B4-BE49-F238E27FC236}">
                <a16:creationId xmlns:a16="http://schemas.microsoft.com/office/drawing/2014/main" id="{4BFAA9A9-F54C-4B6D-AFAA-DF0E6B69A51C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6407134fe8fe47ed920e5f391980d660_StartDate" hidden="1">
            <a:extLst>
              <a:ext uri="{FF2B5EF4-FFF2-40B4-BE49-F238E27FC236}">
                <a16:creationId xmlns:a16="http://schemas.microsoft.com/office/drawing/2014/main" id="{4B5F18C7-24DD-4587-9604-586FE7F8322C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9" name="OTLSHAPE_T_6407134fe8fe47ed920e5f391980d660_EndDate" hidden="1">
            <a:extLst>
              <a:ext uri="{FF2B5EF4-FFF2-40B4-BE49-F238E27FC236}">
                <a16:creationId xmlns:a16="http://schemas.microsoft.com/office/drawing/2014/main" id="{F4B43951-C15C-43DC-9BA2-D96F7EC3CB0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0" name="OTLSHAPE_T_6407134fe8fe47ed920e5f391980d660_JoinedDate">
            <a:extLst>
              <a:ext uri="{FF2B5EF4-FFF2-40B4-BE49-F238E27FC236}">
                <a16:creationId xmlns:a16="http://schemas.microsoft.com/office/drawing/2014/main" id="{D378E60D-9054-4F74-BF33-BD26B09536C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348940" y="4723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91" name="OTLSHAPE_T_6407134fe8fe47ed920e5f391980d660_Title">
            <a:extLst>
              <a:ext uri="{FF2B5EF4-FFF2-40B4-BE49-F238E27FC236}">
                <a16:creationId xmlns:a16="http://schemas.microsoft.com/office/drawing/2014/main" id="{758F8A91-1D57-4D54-BECC-539A58EC5BC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658450" y="471534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jout code mouvements supplémentair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4888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i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jI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xLTI2VDIzOjU5OjAwIiwiRm9ybWF0IjoiTU1NIiwiVHlwZSI6MiwiQXV0b0RhdGVSYW5nZSI6dHJ1ZSwiV29ya2luZ0RheXMiOjMxLCJUb2RheU1hcmtlclRleHQiOiJUb2RheSIsIkF1dG9TY2FsZVR5cGUiOnRydWV9LCJNaWxlc3RvbmVzIjpbXSwiVGFza3MiOlt7IiRpZCI6IjE2MyIsIkdyb3VwTmFtZSI6bnVsbCwiU3RhcnREYXRlIjoiMjAxOS0xMi0wOVQwMDowMDowMFoiLCJFbmREYXRlIjoiMjAxOS0xMi0xNVQyMzo1OTowMFoiLCJQZXJjZW50YWdlQ29tcGxldGUiOm51bGw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m51bGx9LCJEdXJhdGlvblN0eWxlIjp7IiRpZCI6IjE2OCIsIkZvbnRTZXR0aW5ncyI6eyIkaWQiOiIxNj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CIsIkxpbmVDb2xvciI6bnVsbCwiTGluZVdlaWdodCI6MC4wLCJMaW5lVHlwZSI6MCwiUGFyZW50U3R5bGUiOm51bGx9LCJQYXJlbnRTdHlsZSI6bnVsbH0sIkhvcml6b250YWxDb25uZWN0b3JTdHlsZSI6eyIkaWQiOiIxNzEiLCJMaW5lQ29sb3IiOnsiJHJlZiI6Ijk4In0sIkxpbmVXZWlnaHQiOjEuMCwiTGluZVR5cGUiOjAsIlBhcmVudFN0eWxlIjpudWxsfSwiVmVydGljYWxDb25uZWN0b3JTdHlsZSI6eyIkaWQiOiIxN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3MyIsIk1hcmdpbiI6eyIkcmVmIjoiMTA0In0sIlBhZGRpbmciOnsiJHJlZiI6IjEwNSJ9LCJCYWNrZ3JvdW5kIjp7IiRpZCI6IjE3NCIsIkNvbG9yIjp7IiRpZCI6IjE3NSIsIkEiOjI1NSwiUiI6MjM3LCJHIjoxMjUsIkIiOjQ5fX0sIklzVmlzaWJsZSI6dHJ1ZSwiV2lkdGgiOjAuMCwiSGVpZ2h0IjoyM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aWQiOiIxNzkiLCJDb2xvciI6eyIkaWQiOiIx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k4In0sIkxpbmVXZWlnaHQiOjEuMCwiTGluZVR5cGUiOjAsIlBhcmVudFN0eWxlIjpudWxsfSwiVmVydGljYWxDb25uZWN0b3JTdHlsZSI6eyIkaWQiOiIxOTg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OSIsIk1hcmdpbiI6eyIkcmVmIjoiMTA0In0sIlBhZGRpbmciOnsiJHJlZiI6IjEwNSJ9LCJCYWNrZ3JvdW5kIjp7IiRpZCI6IjIwMCIsIkNvbG9yIjp7IiRpZCI6IjIwMSIsIkEiOjI1NSwiUiI6MjU1LCJHIjoxOTIsIkIiOjB9fSwiSXNWaXNpYmxlIjp0cnVlLCJXaWR0aCI6MC4wLCJIZWlnaHQiOjIyLjAsIkJvcmRlclN0eWxlIjp7IiRpZCI6IjIwMiIsIkxpbmVDb2xvciI6eyIkcmVmIjoiMTA5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wLCJGb3JlZ3JvdW5kIjp7IiRpZCI6IjIwNSIsIkNvbG9yIjp7IiRpZCI6IjIw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aWQiOiIyMTAiLCJDb2xvciI6eyIkaWQiOiIy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TI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E4IiwiTGluZUNvbG9yIjpudWxsLCJMaW5lV2VpZ2h0IjowLjAsIkxpbmVUeXBlIjowLCJQYXJlbnRTdHlsZSI6bnVsbH0sIlBhcmVudFN0eWxlIjpudWxsfSwiRHVyYXRpb25TdHlsZSI6eyIkaWQiOiIyMTkiLCJGb250U2V0dGluZ3MiOnsiJGlkIjoiMjIw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EiLCJMaW5lQ29sb3IiOm51bGwsIkxpbmVXZWlnaHQiOjAuMCwiTGluZVR5cGUiOjAsIlBhcmVudFN0eWxlIjpudWxsfSwiUGFyZW50U3R5bGUiOm51bGx9LCJIb3Jpem9udGFsQ29ubmVjdG9yU3R5bGUiOnsiJGlkIjoiMjIyIiwiTGluZUNvbG9yIjp7IiRyZWYiOiI5OCJ9LCJMaW5lV2VpZ2h0IjoxLjAsIkxpbmVUeXBlIjowLCJQYXJlbnRTdHlsZSI6bnVsbH0sIlZlcnRpY2FsQ29ubmVjdG9yU3R5bGUiOnsiJGlkIjoiMjIz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IiLCJMaW5lQ29sb3IiOm51bGwsIkxpbmVXZWlnaHQiOjAuMCwiTGluZVR5cGUiOjAsIlBhcmVudFN0eWxlIjpudWxsfSwiUGFyZW50U3R5bGUiOm51bGx9LCJEYXRlU3R5bGUiOnsiJGlkIjoiMjMzIiwiRm9udFNldHRpbmdzIjp7IiRpZCI6IjIzNCIsIkZvbnRTaXplIjoxMCwiRm9udE5hbWUiOiJDYWxpYnJpIiwiSXNCb2xkIjpmYWxzZSwiSXNJdGFsaWMiOmZhbHNlLCJJc1VuZGVybGluZWQiOmZhbHNlLCJQYXJlbnRTdHlsZSI6bnVsbH0sIkF1dG9TaXplIjowLCJGb3JlZ3JvdW5kIjp7IiRpZCI6IjIzNSIsIkNvbG9yIjp7IiRpZCI6IjI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Ny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zIiwiTGluZUNvbG9yIjpudWxsLCJMaW5lV2VpZ2h0IjowLjAsIkxpbmVUeXBlIjowLCJQYXJlbnRTdHlsZSI6bnVsbH0sIlBhcmVudFN0eWxlIjpudWxsfSwiRHVyYXRpb25TdHlsZSI6eyIkaWQiOiIyNDQiLCJGb250U2V0dGluZ3MiOnsiJGlkIjoiMjQ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NDkiLCJNYXJnaW4iOnsiJHJlZiI6IjEwNCJ9LCJQYWRkaW5nIjp7IiRyZWYiOiIxMDUifSwiQmFja2dyb3VuZCI6eyIkaWQiOiIyNTAiLCJDb2xvciI6eyIkaWQiOiIyNTEiLCJBIjoyNTUsIlIiOjI1NSwiRyI6MTkyLCJCIjowfX0sIklzVmlzaWJsZSI6dHJ1ZSwiV2lkdGgiOjAuMCwiSGVpZ2h0IjoyMi4wLCJCb3JkZXJTdHlsZSI6eyIkaWQiOiIyNTIiLCJMaW5lQ29sb3IiOnsiJHJlZiI6IjEwOS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CwiRm9yZWdyb3VuZCI6eyIkaWQiOiIyNTUiLCJDb2xvciI6eyIkaWQiOiIyNT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EwLCJGb250TmFtZSI6IkNhbGlicmkiLCJJc0JvbGQiOmZhbHNlLCJJc0l0YWxpYyI6ZmFsc2UsIklzVW5kZXJsaW5lZCI6ZmFsc2UsIlBhcmVudFN0eWxlIjpudWxsfSwiQXV0b1NpemUiOjAsIkZvcmVncm91bmQiOnsiJGlkIjoiMjYwIiwiQ29sb3IiOnsiJGlkIjoiMj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y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4IiwiTGluZUNvbG9yIjpudWxsLCJMaW5lV2VpZ2h0IjowLjAsIkxpbmVUeXBlIjowLCJQYXJlbnRTdHlsZSI6bnVsbH0sIlBhcmVudFN0eWxlIjpudWxsfSwiRHVyYXRpb25TdHlsZSI6eyIkaWQiOiIyNjkiLCJGb250U2V0dGluZ3MiOnsiJGlkIjoiMjcw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NzQiLCJNYXJnaW4iOnsiJHJlZiI6IjEwNCJ9LCJQYWRkaW5nIjp7IiRyZWYiOiIxMDUifSwiQmFja2dyb3VuZCI6eyIkaWQiOiIyNzUiLCJDb2xvciI6eyIkaWQiOiIyNzYiLCJBIjoyNTUsIlIiOjIzNywiRyI6MTI1LCJCIjo0OX19LCJJc1Zpc2libGUiOnRydWUsIldpZHRoIjowLjAsIkhlaWdodCI6MjIuMCwiQm9yZGVyU3R5bGUiOnsiJGlkIjoiMjc3IiwiTGluZUNvbG9yIjp7IiRyZWYiOiIxMDk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GlkIjoiMjgwIiwiQ29sb3IiOnsiJGlkIjoiMjg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pZCI6IjI4NSIsIkNvbG9yIjp7IiRpZCI6IjI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Ny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iYWRlMjI2OC1jNzJkLTQyNDctYjBjMC1mNmM0MDIxNDk1YzgiLCJJbXBvcnRJZCI6bnVsbCwiVGl0bGUiOiJGYWJyaWNhdGlvbiBnYW50IiwiTm90ZSI6bnVsbCwiSHlwZXJsaW5rIjp7IiRpZCI6IjI4OCIsIkFkZHJlc3MiOiIiLCJTdWJBZGRyZXNzIjoiIn0sIklzQ2hhbmdlZCI6ZmFsc2UsIklzTmV3IjpmYWxzZX0seyIkaWQiOiIyODkiLCJHcm91cE5hbWUiOm51bGwsIlN0YXJ0RGF0ZSI6IjIwMTktMTItMzBUMDA6MDA6MDBaIiwiRW5kRGF0ZSI6IjIwMjAtMDEtMTJUMjM6NTk6MDBaIiwiUGVyY2VudGFnZUNvbXBsZXRlIjpudWxsLCJTdHlsZSI6eyIkaWQiOiIyOTAiLCJTaGFwZSI6MCwiU2hhcGVUaGlja25lc3MiOjI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kzIiwiTGluZUNvbG9yIjpudWxsLCJMaW5lV2VpZ2h0IjowLjAsIkxpbmVUeXBlIjowLCJQYXJlbnRTdHlsZSI6bnVsbH0sIlBhcmVudFN0eWxlIjpudWxsfSwiRHVyYXRpb25TdHlsZSI6eyIkaWQiOiIyOTQiLCJGb250U2V0dGluZ3MiOnsiJGlkIjoiMjk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TYiLCJMaW5lQ29sb3IiOm51bGwsIkxpbmVXZWlnaHQiOjAuMCwiTGluZVR5cGUiOjAsIlBhcmVudFN0eWxlIjpudWxsfSwiUGFyZW50U3R5bGUiOm51bGx9LCJIb3Jpem9udGFsQ29ubmVjdG9yU3R5bGUiOnsiJGlkIjoiMjk3IiwiTGluZUNvbG9yIjp7IiRyZWYiOiI5OCJ9LCJMaW5lV2VpZ2h0IjoxLjAsIkxpbmVUeXBlIjowLCJQYXJlbnRTdHlsZSI6bnVsbH0sIlZlcnRpY2FsQ29ubmVjdG9yU3R5bGUiOnsiJGlkIjoiMjk4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GlkIjoiMzEwIiwiQ29sb3IiOnsiJGlkIjoiMz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Ey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xOCIsIkxpbmVDb2xvciI6bnVsbCwiTGluZVdlaWdodCI6MC4wLCJMaW5lVHlwZSI6MCwiUGFyZW50U3R5bGUiOm51bGx9LCJQYXJlbnRTdHlsZSI6bnVsbH0sIkR1cmF0aW9uU3R5bGUiOnsiJGlkIjoiMzE5IiwiRm9udFNldHRpbmdzIjp7IiRpZCI6IjMyM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IxIiwiTGluZUNvbG9yIjpudWxsLCJMaW5lV2VpZ2h0IjowLjAsIkxpbmVUeXBlIjowLCJQYXJlbnRTdHlsZSI6bnVsbH0sIlBhcmVudFN0eWxlIjpudWxsfSwiSG9yaXpvbnRhbENvbm5lY3RvclN0eWxlIjp7IiRpZCI6IjMyMiIsIkxpbmVDb2xvciI6eyIkcmVmIjoiOTgifSwiTGluZVdlaWdodCI6MS4wLCJMaW5lVHlwZSI6MCwiUGFyZW50U3R5bGUiOm51bGx9LCJWZXJ0aWNhbENvbm5lY3RvclN0eWxlIjp7IiRpZCI6IjMyM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zc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MyIsIkxpbmVDb2xvciI6bnVsbCwiTGluZVdlaWdodCI6MC4wLCJMaW5lVHlwZSI6MCwiUGFyZW50U3R5bGUiOm51bGx9LCJQYXJlbnRTdHlsZSI6bnVsbH0sIkR1cmF0aW9uU3R5bGUiOnsiJGlkIjoiMzQ0IiwiRm9udFNldHRpbmdzIjp7IiRpZCI6IjM0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2IiwiTGluZUNvbG9yIjpudWxsLCJMaW5lV2VpZ2h0IjowLjAsIkxpbmVUeXBlIjowLCJQYXJlbnRTdHlsZSI6bnVsbH0sIlBhcmVudFN0eWxlIjpudWxsfSwiSG9yaXpvbnRhbENvbm5lY3RvclN0eWxlIjp7IiRpZCI6IjM0NyIsIkxpbmVDb2xvciI6eyIkcmVmIjoiOTgifSwiTGluZVdlaWdodCI6MS4wLCJMaW5lVHlwZSI6MCwiUGFyZW50U3R5bGUiOm51bGx9LCJWZXJ0aWNhbENvbm5lY3RvclN0eWxlIjp7IiRpZCI6IjM0O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I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2OCIsIkxpbmVDb2xvciI6bnVsbCwiTGluZVdlaWdodCI6MC4wLCJMaW5lVHlwZSI6MCwiUGFyZW50U3R5bGUiOm51bGx9LCJQYXJlbnRTdHlsZSI6bnVsbH0sIkR1cmF0aW9uU3R5bGUiOnsiJGlkIjoiMzY5IiwiRm9udFNldHRpbmdzIjp7IiRpZCI6IjM3M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OTgifSwiTGluZVdlaWdodCI6MS4wLCJMaW5lVHlwZSI6MCwiUGFyZW50U3R5bGUiOm51bGx9LCJWZXJ0aWNhbENvbm5lY3RvclN0eWxlIjp7IiRpZCI6IjM3M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AsIkZvbnROYW1lIjoiQ2FsaWJyaSIsIklzQm9sZCI6ZmFsc2UsIklzSXRhbGljIjpmYWxzZSwiSXNVbmRlcmxpbmVkIjpmYWxzZSwiUGFyZW50U3R5bGUiOm51bGx9LCJBdXRvU2l6ZSI6MCwiRm9yZWdyb3VuZCI6eyIkaWQiOiIzODUiLCJDb2xvciI6eyIkaWQiOiIzO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Dc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zIiwiTGluZUNvbG9yIjpudWxsLCJMaW5lV2VpZ2h0IjowLjAsIkxpbmVUeXBlIjowLCJQYXJlbnRTdHlsZSI6bnVsbH0sIlBhcmVudFN0eWxlIjpudWxsfSwiRHVyYXRpb25TdHlsZSI6eyIkaWQiOiIzOTQiLCJGb250U2V0dGluZ3MiOnsiJGlkIjoiMzk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OTYiLCJMaW5lQ29sb3IiOm51bGwsIkxpbmVXZWlnaHQiOjAuMCwiTGluZVR5cGUiOjAsIlBhcmVudFN0eWxlIjpudWxsfSwiUGFyZW50U3R5bGUiOm51bGx9LCJIb3Jpem9udGFsQ29ubmVjdG9yU3R5bGUiOnsiJGlkIjoiMzk3IiwiTGluZUNvbG9yIjp7IiRyZWYiOiI5OCJ9LCJMaW5lV2VpZ2h0IjoxLjAsIkxpbmVUeXBlIjowLCJQYXJlbnRTdHlsZSI6bnVsbH0sIlZlcnRpY2FsQ29ubmVjdG9yU3R5bGUiOnsiJGlkIjoiMzk4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DciLCJMaW5lQ29sb3IiOm51bGwsIkxpbmVXZWlnaHQiOjAuMCwiTGluZVR5cGUiOjAsIlBhcmVudFN0eWxlIjpudWxsfSwiUGFyZW50U3R5bGUiOm51bGx9LCJEYXRlU3R5bGUiOnsiJGlkIjoiNDA4IiwiRm9udFNldHRpbmdzIjp7IiRpZCI6IjQwOSIsIkZvbnRTaXplIjoxMC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xMi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OC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</TotalTime>
  <Words>122</Words>
  <Application>Microsoft Office PowerPoint</Application>
  <PresentationFormat>Grand écran</PresentationFormat>
  <Paragraphs>24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Thème Offic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Thibault Garrot</dc:creator>
  <cp:lastModifiedBy>Thibault Garrot</cp:lastModifiedBy>
  <cp:revision>6</cp:revision>
  <dcterms:created xsi:type="dcterms:W3CDTF">2019-12-01T21:33:55Z</dcterms:created>
  <dcterms:modified xsi:type="dcterms:W3CDTF">2019-12-09T12:44:53Z</dcterms:modified>
</cp:coreProperties>
</file>